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93D55" w:rsidRDefault="00160465" w:rsidP="00160465">
      <w:pPr>
        <w:ind w:left="-180"/>
      </w:pPr>
      <w:r w:rsidRPr="00160465">
        <w:rPr>
          <w:noProof/>
        </w:rPr>
        <w:drawing>
          <wp:inline distT="0" distB="0" distL="0" distR="0">
            <wp:extent cx="6305384" cy="9453524"/>
            <wp:effectExtent l="0" t="0" r="635" b="0"/>
            <wp:docPr id="1" name="Picture 1" descr="\\rlahome.rrcc.ccofc.edu\home$\s02372138\Documents\STUDENT RECREATION CENTER\FITNESS\Group Fitness Assistants\Marketing\Now Hiring Fly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rlahome.rrcc.ccofc.edu\home$\s02372138\Documents\STUDENT RECREATION CENTER\FITNESS\Group Fitness Assistants\Marketing\Now Hiring Flyer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15409" cy="94685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493D55" w:rsidSect="00160465">
      <w:pgSz w:w="12240" w:h="15840"/>
      <w:pgMar w:top="5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60465"/>
    <w:rsid w:val="00160465"/>
    <w:rsid w:val="00493D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1E7C9A97-C252-441C-8555-D09E382C96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160465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6046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ed Rocks Community College</Company>
  <LinksUpToDate>false</LinksUpToDate>
  <CharactersWithSpaces>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eeton, Breuna</dc:creator>
  <cp:keywords/>
  <dc:description/>
  <cp:lastModifiedBy>Keeton, Breuna</cp:lastModifiedBy>
  <cp:revision>1</cp:revision>
  <cp:lastPrinted>2017-11-16T22:13:00Z</cp:lastPrinted>
  <dcterms:created xsi:type="dcterms:W3CDTF">2017-11-16T22:13:00Z</dcterms:created>
  <dcterms:modified xsi:type="dcterms:W3CDTF">2017-11-16T22:14:00Z</dcterms:modified>
</cp:coreProperties>
</file>